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3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942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2901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29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602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ht="20.100000000000001" customHeight="1" x14ac:dyDescent="0.2">
      <c r="A23" s="54">
        <v>6</v>
      </c>
      <c r="B23" s="55"/>
      <c r="C23" s="55"/>
      <c r="D23" s="56">
        <v>0</v>
      </c>
      <c r="E23" s="55"/>
      <c r="F23" s="55"/>
      <c r="G23" s="56">
        <v>0</v>
      </c>
      <c r="H23" s="56">
        <v>0</v>
      </c>
      <c r="I23" s="55"/>
      <c r="J23" s="55"/>
      <c r="K23" s="55"/>
      <c r="L23" s="56">
        <v>0</v>
      </c>
      <c r="M23" s="55"/>
      <c r="N23" s="55"/>
      <c r="O23" s="55"/>
      <c r="P23" s="56">
        <v>0</v>
      </c>
      <c r="Q23" s="56">
        <v>0</v>
      </c>
      <c r="R23" s="55"/>
      <c r="S23" s="55"/>
      <c r="T23" s="55"/>
      <c r="U23" s="56">
        <v>0</v>
      </c>
      <c r="V23" s="55"/>
      <c r="W23" s="55"/>
      <c r="X23" s="55"/>
      <c r="Y23" s="56">
        <v>0</v>
      </c>
      <c r="Z23" s="56">
        <v>0</v>
      </c>
      <c r="AA23" s="56">
        <v>0</v>
      </c>
      <c r="AB23" s="56">
        <v>0</v>
      </c>
      <c r="AC23" s="57" t="s">
        <v>29</v>
      </c>
      <c r="AD23" s="57" t="s">
        <v>29</v>
      </c>
      <c r="AE23" s="57" t="s">
        <v>29</v>
      </c>
      <c r="AF23" s="58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309</v>
      </c>
      <c r="C30" s="68">
        <v>315</v>
      </c>
      <c r="D30" s="68">
        <v>624</v>
      </c>
      <c r="E30" s="68">
        <v>716</v>
      </c>
      <c r="F30" s="68">
        <v>686</v>
      </c>
      <c r="G30" s="68">
        <v>1402</v>
      </c>
      <c r="H30" s="68">
        <v>-778</v>
      </c>
      <c r="I30" s="68">
        <v>1205</v>
      </c>
      <c r="J30" s="68">
        <v>455</v>
      </c>
      <c r="K30" s="68">
        <v>516</v>
      </c>
      <c r="L30" s="68">
        <v>971</v>
      </c>
      <c r="M30" s="68">
        <v>1766</v>
      </c>
      <c r="N30" s="68">
        <v>1574</v>
      </c>
      <c r="O30" s="68">
        <v>1090</v>
      </c>
      <c r="P30" s="68">
        <v>2664</v>
      </c>
      <c r="Q30" s="68">
        <v>3635</v>
      </c>
      <c r="R30" s="68">
        <v>1266</v>
      </c>
      <c r="S30" s="68">
        <v>500</v>
      </c>
      <c r="T30" s="68">
        <v>487</v>
      </c>
      <c r="U30" s="68">
        <v>987</v>
      </c>
      <c r="V30" s="68">
        <v>1399</v>
      </c>
      <c r="W30" s="68">
        <v>1720</v>
      </c>
      <c r="X30" s="68">
        <v>1351</v>
      </c>
      <c r="Y30" s="68">
        <v>3071</v>
      </c>
      <c r="Z30" s="68">
        <v>4058</v>
      </c>
      <c r="AA30" s="68">
        <v>-423</v>
      </c>
      <c r="AB30" s="68">
        <v>-1201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 t="s">
        <v>29</v>
      </c>
      <c r="AH37" s="75" t="s">
        <v>29</v>
      </c>
      <c r="AI37" s="75" t="s">
        <v>29</v>
      </c>
      <c r="AJ37" s="75">
        <v>0</v>
      </c>
    </row>
    <row r="38" spans="2:36" hidden="1" x14ac:dyDescent="0.2">
      <c r="AF38" s="74">
        <v>5</v>
      </c>
      <c r="AG38" s="75" t="s">
        <v>29</v>
      </c>
      <c r="AH38" s="75" t="s">
        <v>29</v>
      </c>
      <c r="AI38" s="75" t="s">
        <v>29</v>
      </c>
      <c r="AJ38" s="75">
        <v>0</v>
      </c>
    </row>
    <row r="39" spans="2:36" hidden="1" x14ac:dyDescent="0.2">
      <c r="AF39" s="74">
        <v>6</v>
      </c>
      <c r="AG39" s="75" t="s">
        <v>29</v>
      </c>
      <c r="AH39" s="75" t="s">
        <v>29</v>
      </c>
      <c r="AI39" s="75" t="s">
        <v>29</v>
      </c>
      <c r="AJ39" s="75">
        <v>0</v>
      </c>
    </row>
    <row r="40" spans="2:36" hidden="1" x14ac:dyDescent="0.2">
      <c r="AF40" s="74">
        <v>7</v>
      </c>
      <c r="AG40" s="75" t="s">
        <v>29</v>
      </c>
      <c r="AH40" s="75" t="s">
        <v>29</v>
      </c>
      <c r="AI40" s="75" t="s">
        <v>29</v>
      </c>
      <c r="AJ40" s="75">
        <v>0</v>
      </c>
    </row>
    <row r="41" spans="2:36" hidden="1" x14ac:dyDescent="0.2">
      <c r="AF41" s="74">
        <v>8</v>
      </c>
      <c r="AG41" s="75" t="s">
        <v>29</v>
      </c>
      <c r="AH41" s="75" t="s">
        <v>29</v>
      </c>
      <c r="AI41" s="75" t="s">
        <v>29</v>
      </c>
      <c r="AJ41" s="75">
        <v>0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2:35:24Z</dcterms:created>
  <dcterms:modified xsi:type="dcterms:W3CDTF">2021-04-02T02:35:25Z</dcterms:modified>
</cp:coreProperties>
</file>